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令和５年度フォルダ\衛生指導係\オープンデータ\R5\R6.3公開\"/>
    </mc:Choice>
  </mc:AlternateContent>
  <bookViews>
    <workbookView xWindow="0" yWindow="0" windowWidth="24555" windowHeight="11655"/>
  </bookViews>
  <sheets>
    <sheet name="公衆浴場" sheetId="13" r:id="rId1"/>
  </sheets>
  <definedNames>
    <definedName name="_xlnm._FilterDatabase" localSheetId="0" hidden="1">公衆浴場!$A$1:$I$99</definedName>
    <definedName name="クリーニング台帳一覧">#REF!</definedName>
  </definedNames>
  <calcPr calcId="162913"/>
</workbook>
</file>

<file path=xl/sharedStrings.xml><?xml version="1.0" encoding="utf-8"?>
<sst xmlns="http://schemas.openxmlformats.org/spreadsheetml/2006/main" count="425" uniqueCount="299">
  <si>
    <t>番号</t>
  </si>
  <si>
    <t>富山市田刈屋１３７</t>
  </si>
  <si>
    <t>富山県富山市八尾町保内１－３０－１０</t>
  </si>
  <si>
    <t>富山市上飯野６－１</t>
  </si>
  <si>
    <t>富山市堀川町７１</t>
  </si>
  <si>
    <t>株式会社アトリエいざわ</t>
  </si>
  <si>
    <t>富山市稲荷元町２－１１－１</t>
  </si>
  <si>
    <t>富山市婦中町速星８２</t>
  </si>
  <si>
    <t>許可年月日</t>
  </si>
  <si>
    <t>許可番号</t>
  </si>
  <si>
    <t>その他の公衆浴場</t>
  </si>
  <si>
    <t>一般公衆浴場</t>
  </si>
  <si>
    <t>アピアスポーツクラブ</t>
  </si>
  <si>
    <t>株式会社　アピアスポーツクラブ</t>
  </si>
  <si>
    <t>富山市稲荷元町３－１１－３６</t>
  </si>
  <si>
    <t>サウナのらくろ</t>
  </si>
  <si>
    <t>富山市桜木町７－２３</t>
  </si>
  <si>
    <t>サウナヤマト</t>
  </si>
  <si>
    <t>富山市新富町１－１－９</t>
  </si>
  <si>
    <t>有限会社　共立</t>
  </si>
  <si>
    <t>サンパレス</t>
  </si>
  <si>
    <t>富山市針原中町８８８</t>
  </si>
  <si>
    <t>しおんの家</t>
  </si>
  <si>
    <t>富山市水橋荒町８２４</t>
  </si>
  <si>
    <t>特定非営利活動法人　しおんの家</t>
  </si>
  <si>
    <t>すずらん湯</t>
  </si>
  <si>
    <t>富山市東中野町２－２－１７</t>
  </si>
  <si>
    <t>スポーツゾーンメッツ</t>
  </si>
  <si>
    <t>有限会社中野スイミングクラブ</t>
  </si>
  <si>
    <t>たから湯</t>
  </si>
  <si>
    <t>富山市北新町１－２－１２</t>
  </si>
  <si>
    <t>有限会社たから湯</t>
  </si>
  <si>
    <t>たんぽぽ北の森</t>
  </si>
  <si>
    <t>富山市高畠町２－６１２－１</t>
  </si>
  <si>
    <t>株式会社　マスタック　メディカルサービス</t>
  </si>
  <si>
    <t>富山市奥井町２２－６</t>
  </si>
  <si>
    <t>デイサービスセンター　ゆとり～な</t>
  </si>
  <si>
    <t>富山市中間島２－２７－６</t>
  </si>
  <si>
    <t>富山県生活協同組合</t>
  </si>
  <si>
    <t>富山県富山市金屋５５５</t>
  </si>
  <si>
    <t>デイサービスセンター「まるーな」</t>
  </si>
  <si>
    <t>富山市月見町４－４２</t>
  </si>
  <si>
    <t>とやま自遊館リフレッシュプラザ</t>
  </si>
  <si>
    <t>富山市湊入船町９－１</t>
  </si>
  <si>
    <t>一般財団法人富山勤労総合福祉センター</t>
  </si>
  <si>
    <t>富山市吉作４１０３－１</t>
  </si>
  <si>
    <t>富山温泉健康ランド不動の湯</t>
  </si>
  <si>
    <t>富山市針原中町４８１</t>
  </si>
  <si>
    <t>株式会社栄輪</t>
  </si>
  <si>
    <t>富山市堀川町３５５－７</t>
  </si>
  <si>
    <t>マイプラザ内</t>
  </si>
  <si>
    <t>株式会社　Ｒ＆Ｈ</t>
  </si>
  <si>
    <t>マルトミ鉱泉</t>
  </si>
  <si>
    <t>富山市呉羽町６０６８－２１</t>
  </si>
  <si>
    <t>メゾン・ベルトワール</t>
  </si>
  <si>
    <t>富山市星井町１－６－１</t>
  </si>
  <si>
    <t>株式会社　スカイインテック</t>
  </si>
  <si>
    <t>富山県富山市牛島新町５－５</t>
  </si>
  <si>
    <t>ゆりの木の里</t>
  </si>
  <si>
    <t>富山市五福４７４－２</t>
  </si>
  <si>
    <t>社会福祉法人富山県精神保健福祉協会</t>
  </si>
  <si>
    <t>浦の湯</t>
  </si>
  <si>
    <t>富山市羽根８６</t>
  </si>
  <si>
    <t>荏原鉱泉</t>
  </si>
  <si>
    <t>富山市向新庄５３－５２</t>
  </si>
  <si>
    <t>奥井鉱泉</t>
  </si>
  <si>
    <t>富山市奥田本町６－１３</t>
  </si>
  <si>
    <t>開発鉱泉</t>
  </si>
  <si>
    <t>肩こりくらぶひこうき雲</t>
  </si>
  <si>
    <t>富山市桜町２－２－２７室林ビル２Ｆ</t>
  </si>
  <si>
    <t>有限会社ひこうき雲</t>
  </si>
  <si>
    <t>富山市松若町６－３１</t>
  </si>
  <si>
    <t>古宮鉱泉</t>
  </si>
  <si>
    <t>富山市西中野町１－４－２０</t>
  </si>
  <si>
    <t>呉羽カントリークラブ</t>
  </si>
  <si>
    <t>富山市三熊１９－２</t>
  </si>
  <si>
    <t>呉羽観光株式会社</t>
  </si>
  <si>
    <t>高原鉱泉</t>
  </si>
  <si>
    <t>富山市高屋敷４１９</t>
  </si>
  <si>
    <t>森の湯</t>
  </si>
  <si>
    <t>富山市西四十物町５－２４</t>
  </si>
  <si>
    <t>星の湯</t>
  </si>
  <si>
    <t>富山市中野新町１－２－１７</t>
  </si>
  <si>
    <t>西の湯</t>
  </si>
  <si>
    <t>富山市布目２２８４</t>
  </si>
  <si>
    <t>草津鉱泉</t>
  </si>
  <si>
    <t>富山市草島２３６－４</t>
  </si>
  <si>
    <t>辰尾鉱泉</t>
  </si>
  <si>
    <t>富山市安養寺３８７</t>
  </si>
  <si>
    <t>竹の湯</t>
  </si>
  <si>
    <t>富山市下新町２８－１７</t>
  </si>
  <si>
    <t>朝日湯</t>
  </si>
  <si>
    <t>富山市堀川小泉町２３２</t>
  </si>
  <si>
    <t>藤の湯</t>
  </si>
  <si>
    <t>富山市蛯町１－９</t>
  </si>
  <si>
    <t>入舟湯</t>
  </si>
  <si>
    <t>富山市長江本町１７－８</t>
  </si>
  <si>
    <t>富山市東岩瀬町７２２</t>
  </si>
  <si>
    <t>白岩の湯</t>
  </si>
  <si>
    <t>富山市水橋畠等２９７</t>
  </si>
  <si>
    <t>パチュリ</t>
  </si>
  <si>
    <t>富山市奥田双葉町１２－１４</t>
  </si>
  <si>
    <t>富山県国際健康プラザ（１階　バーデゾーン）</t>
  </si>
  <si>
    <t>富山市友杉１５１</t>
  </si>
  <si>
    <t>公益財団法人　富山県健康づくり財団</t>
  </si>
  <si>
    <t>富山県富山市友杉１５１</t>
  </si>
  <si>
    <t>富山県国際健康プラザ（２階　湯治庵）</t>
  </si>
  <si>
    <t>富山市秋ケ島１８３</t>
  </si>
  <si>
    <t>富山市民プール</t>
  </si>
  <si>
    <t>富山市荒川４－１－７０</t>
  </si>
  <si>
    <t>民営デイケアハウス　はなまる</t>
  </si>
  <si>
    <t>富山市永久町５５－１１</t>
  </si>
  <si>
    <t>民営ディケアハウスこのゆびとーまれ</t>
  </si>
  <si>
    <t>富山市富岡町３５５</t>
  </si>
  <si>
    <t>立山鉱泉</t>
  </si>
  <si>
    <t>富山市中島３－８－３３</t>
  </si>
  <si>
    <t>鯰温泉</t>
  </si>
  <si>
    <t>富山市今市３３３９</t>
  </si>
  <si>
    <t>サウナ・アルプス</t>
  </si>
  <si>
    <t>富山市山室２９２－１</t>
  </si>
  <si>
    <t>有限会社　ＡＲＰ</t>
  </si>
  <si>
    <t>富山県富山市山室２９２－１</t>
  </si>
  <si>
    <t>富山市粟島町１－２－３５</t>
  </si>
  <si>
    <t>イワシタ商事　株式会社</t>
  </si>
  <si>
    <t>福井県福井市円成寺町１－６</t>
  </si>
  <si>
    <t>ファミリー銭湯くさじま</t>
  </si>
  <si>
    <t>有限会社　エノキ産業</t>
  </si>
  <si>
    <t>富山県富山市草島２３６－４</t>
  </si>
  <si>
    <t>ファミリー人工温泉ひらき</t>
  </si>
  <si>
    <t>富山市開２７８</t>
  </si>
  <si>
    <t>有限会社　島倉乃湯</t>
  </si>
  <si>
    <t>富山市長柄町３－６－６</t>
  </si>
  <si>
    <t>富山県富山市長柄町３－６－６</t>
  </si>
  <si>
    <t>白木峰山麓交流施設</t>
  </si>
  <si>
    <t>富山市八尾町杉平１２</t>
  </si>
  <si>
    <t>福島の湯</t>
  </si>
  <si>
    <t>富山市八尾町福島５２</t>
  </si>
  <si>
    <t>岩稲温泉　楽今日館</t>
  </si>
  <si>
    <t>富山市岩稲２６－１</t>
  </si>
  <si>
    <t>株式会社　ほそいり</t>
  </si>
  <si>
    <t>富山県富山市楡原１１７６</t>
  </si>
  <si>
    <t>地域交流ホーム</t>
  </si>
  <si>
    <t>富山市八尾町福島前山４１５－１</t>
  </si>
  <si>
    <t>社会福祉法人　白皇山保護園</t>
  </si>
  <si>
    <t>富山県富山市八尾町福島前山１０</t>
  </si>
  <si>
    <t>八尾カントリークラブ</t>
  </si>
  <si>
    <t>富山市八尾町深谷京ヶ峰１０</t>
  </si>
  <si>
    <t>株式会社　八尾倶楽部</t>
  </si>
  <si>
    <t>富山県富山市八尾町深谷京ヶ峰１０</t>
  </si>
  <si>
    <t>富山市大沢野健康福祉センター「福祉プラザさるびあ」</t>
  </si>
  <si>
    <t>富山市春日９６－１</t>
  </si>
  <si>
    <t>一般財団法人　富山市大沢野健康文化推進財団</t>
  </si>
  <si>
    <t>富山県富山市春日９６－１</t>
  </si>
  <si>
    <t>富山市大沢野健康福祉センター「ウィンディ｣</t>
  </si>
  <si>
    <t>八尾ゆめの森ゆうゆう館</t>
  </si>
  <si>
    <t>富山市八尾町下笹原６７８－１</t>
  </si>
  <si>
    <t>株式会社　八尾サービス</t>
  </si>
  <si>
    <t>牛岳温泉健康センター</t>
  </si>
  <si>
    <t>富山市山田赤目谷３１－２８</t>
  </si>
  <si>
    <t>富山カントリークラブ・クラブハウス</t>
  </si>
  <si>
    <t>富山市万願寺１－１６６</t>
  </si>
  <si>
    <t>株式会社　富山ゴルフ</t>
  </si>
  <si>
    <t>富山県富山市万願寺１－１６６</t>
  </si>
  <si>
    <t>大山カメリアカントリークラブ</t>
  </si>
  <si>
    <t>富山市東福沢１３０</t>
  </si>
  <si>
    <t>富山市大山老人福祉センター</t>
  </si>
  <si>
    <t>富山市花崎１１５１</t>
  </si>
  <si>
    <t>剱の湯　ドーミーイン富山</t>
  </si>
  <si>
    <t>富山市大手町４－８</t>
  </si>
  <si>
    <t>株式会社　共立メンテナンス</t>
  </si>
  <si>
    <t>東京都千代田区外神田２－１８－８</t>
  </si>
  <si>
    <t>富山市水橋中村町字花内１８７－１</t>
  </si>
  <si>
    <t>ホリデイスポーツクラブ富山</t>
  </si>
  <si>
    <t>富山市大町５２－１</t>
  </si>
  <si>
    <t>株式会社　東祥</t>
  </si>
  <si>
    <t>愛知県安城市二本木町二ツ池２８－１</t>
  </si>
  <si>
    <t>富山市石金２－１</t>
  </si>
  <si>
    <t>富山県富山市本町２－１７</t>
  </si>
  <si>
    <t>稲荷鉱泉</t>
  </si>
  <si>
    <t>有限会社　稲荷鉱泉</t>
  </si>
  <si>
    <t>富山県富山市稲荷元町３－１１－３６</t>
  </si>
  <si>
    <t>社会福祉法人　富山市社会福祉事業団</t>
  </si>
  <si>
    <t>富山県富山市蜷川１５</t>
  </si>
  <si>
    <t>富山市東老人憩いの家</t>
  </si>
  <si>
    <t>富山市荒川４－１－８３</t>
  </si>
  <si>
    <t>デイケアハウス　にぎやか</t>
  </si>
  <si>
    <t>富山市綾田町１－１０－１８</t>
  </si>
  <si>
    <t>特定非営利活動法人　にぎやか</t>
  </si>
  <si>
    <t>富山県富山市綾田町１－１０－１８</t>
  </si>
  <si>
    <t>水橋温泉　ごくらくの湯</t>
  </si>
  <si>
    <t>富山市海岸通老人福祉センター</t>
  </si>
  <si>
    <t>富山市海岸通２６４－１１</t>
  </si>
  <si>
    <t>富山市南老人福祉センター</t>
  </si>
  <si>
    <t>富山市今泉８８－１</t>
  </si>
  <si>
    <t>ＮＰＯ法人　ありがた家</t>
  </si>
  <si>
    <t>富山市八尾町福島３－７９</t>
  </si>
  <si>
    <t>特定非営利活動法人　ありがた家</t>
  </si>
  <si>
    <t>富山県富山市八尾町福島３－７９</t>
  </si>
  <si>
    <t>ヴィラグランディスウエディングリゾート　スパノビリタ</t>
  </si>
  <si>
    <t>富山市金屋５３３０</t>
  </si>
  <si>
    <t>ゆ～とりあ越中</t>
  </si>
  <si>
    <t>春日温泉観光開発　株式会社</t>
  </si>
  <si>
    <t>エステの名門　マルマ</t>
  </si>
  <si>
    <t>富山市四方８８</t>
  </si>
  <si>
    <t>株式会社　石橋</t>
  </si>
  <si>
    <t>富山県富山市草島古川６番地</t>
  </si>
  <si>
    <t>日方江温泉</t>
  </si>
  <si>
    <t>富山市針日字林割２６９番２０</t>
  </si>
  <si>
    <t>株式会社　のむら</t>
  </si>
  <si>
    <t>富山県富山市水橋畠等２９７番地</t>
  </si>
  <si>
    <t>満天の湯　石金店</t>
  </si>
  <si>
    <t>マンテンホテル株式会社</t>
  </si>
  <si>
    <t>フットケアサロン深道　体熱ルーム</t>
  </si>
  <si>
    <t>富山市八尾町小長谷２４７２</t>
  </si>
  <si>
    <t>富山市角川介護予防センター</t>
  </si>
  <si>
    <t>富山市星井町２－７－３０</t>
  </si>
  <si>
    <t>財団法人　北陸予防医学協会</t>
  </si>
  <si>
    <t>富山県高岡市金屋本町１－３</t>
  </si>
  <si>
    <t>富山県総合体育センター</t>
  </si>
  <si>
    <t>公益財団法人　富山県体育協会</t>
  </si>
  <si>
    <t>富山県富山市秋ケ島１８３</t>
  </si>
  <si>
    <t>株式会社　市川ゴルフ興業</t>
  </si>
  <si>
    <t>東京都練馬区大泉学園町８－１８－１０</t>
  </si>
  <si>
    <t>富山市大町３４－７</t>
  </si>
  <si>
    <t>株式会社　Ｌｉｘｉａｎｇ</t>
  </si>
  <si>
    <t>富山県富山市大町３４－７</t>
  </si>
  <si>
    <t>光明石温泉　呉羽の湯</t>
  </si>
  <si>
    <t>富山市呉羽本町２６１５</t>
  </si>
  <si>
    <t>蹊成クリエイト　株式会社</t>
  </si>
  <si>
    <t>富山県高岡市下黒田７７７</t>
  </si>
  <si>
    <t>ＬａＬａリラクゼーション</t>
  </si>
  <si>
    <t>富山市上飯野６０－６</t>
  </si>
  <si>
    <t>富山市婦中町下轡田８１２－１</t>
  </si>
  <si>
    <t>天然温泉　剱の湯</t>
  </si>
  <si>
    <t>富山市総曲輪３－９－２</t>
  </si>
  <si>
    <t>御宿野乃　富山　２Ｆ</t>
  </si>
  <si>
    <t>富山市月見町４丁目６６番地</t>
  </si>
  <si>
    <t>グンゼスポーツ　富山レガートスクエア</t>
  </si>
  <si>
    <t>富山市総曲輪４－４－３</t>
  </si>
  <si>
    <t>グンゼスポーツ　株式会社</t>
  </si>
  <si>
    <t>兵庫県尼崎市塚口本町４－８－１</t>
  </si>
  <si>
    <t>クローバー</t>
  </si>
  <si>
    <t>富山市町村１丁目３１８番地</t>
  </si>
  <si>
    <t>富山県富山市向川原町２番３号</t>
  </si>
  <si>
    <t>まちなか天然温泉　ゆくりえ</t>
  </si>
  <si>
    <t>富山市上袋５４５番地１</t>
  </si>
  <si>
    <t>株式会社　センティア</t>
  </si>
  <si>
    <t>久乃家</t>
  </si>
  <si>
    <t>富山市水橋辻ケ堂１６０５</t>
  </si>
  <si>
    <t>有限会社　久乃家</t>
  </si>
  <si>
    <t>富山県富山市水橋辻ケ堂１６０５</t>
  </si>
  <si>
    <t>このはな酵素風呂　楽</t>
  </si>
  <si>
    <t>富山市婦中町広田５５１０</t>
  </si>
  <si>
    <t>R＆H　プラ座ゆ</t>
  </si>
  <si>
    <t>田村商事　株式会社</t>
  </si>
  <si>
    <t>富山県富山市栄町一丁目８－１４</t>
  </si>
  <si>
    <t>萩の湯</t>
  </si>
  <si>
    <t>富山市八尾町井田５７８－１</t>
  </si>
  <si>
    <t>癒し処　Ｙｕｋｉ</t>
  </si>
  <si>
    <t>ゴールドジム富山環水公園</t>
    <rPh sb="6" eb="8">
      <t>トヤマ</t>
    </rPh>
    <rPh sb="8" eb="10">
      <t>カンスイ</t>
    </rPh>
    <rPh sb="10" eb="12">
      <t>コウエン</t>
    </rPh>
    <phoneticPr fontId="1"/>
  </si>
  <si>
    <t>株式会社　スポーツクラブヴィテン</t>
    <rPh sb="0" eb="4">
      <t>カブシキガイシャ</t>
    </rPh>
    <phoneticPr fontId="1"/>
  </si>
  <si>
    <t>石川県金沢市泉野町４－８－８</t>
    <rPh sb="6" eb="7">
      <t>イズミ</t>
    </rPh>
    <rPh sb="7" eb="8">
      <t>ノ</t>
    </rPh>
    <rPh sb="8" eb="9">
      <t>マチ</t>
    </rPh>
    <phoneticPr fontId="1"/>
  </si>
  <si>
    <t>一般公衆浴場</t>
    <phoneticPr fontId="1"/>
  </si>
  <si>
    <t>白樺の湯</t>
    <rPh sb="0" eb="2">
      <t>シラカバ</t>
    </rPh>
    <rPh sb="3" eb="4">
      <t>ユ</t>
    </rPh>
    <phoneticPr fontId="1"/>
  </si>
  <si>
    <t>富山市亀谷１－１０</t>
    <rPh sb="0" eb="3">
      <t>トヤマシ</t>
    </rPh>
    <phoneticPr fontId="1"/>
  </si>
  <si>
    <t>その他の公衆浴場</t>
    <phoneticPr fontId="1"/>
  </si>
  <si>
    <t>富山市神通６６-１</t>
    <rPh sb="0" eb="3">
      <t>トヤマシ</t>
    </rPh>
    <rPh sb="3" eb="5">
      <t>ジンヅウ</t>
    </rPh>
    <phoneticPr fontId="1"/>
  </si>
  <si>
    <t>酵素浴tao</t>
    <rPh sb="0" eb="2">
      <t>コウソ</t>
    </rPh>
    <rPh sb="2" eb="3">
      <t>ヨク</t>
    </rPh>
    <phoneticPr fontId="1"/>
  </si>
  <si>
    <t>Sauna Talo Toyama</t>
    <phoneticPr fontId="1"/>
  </si>
  <si>
    <t>株式会社　縁溜</t>
    <rPh sb="5" eb="6">
      <t>エン</t>
    </rPh>
    <rPh sb="6" eb="7">
      <t>リュウ</t>
    </rPh>
    <phoneticPr fontId="1"/>
  </si>
  <si>
    <t>富山県中新川郡立山町四谷尾691番地4</t>
    <rPh sb="10" eb="12">
      <t>ヨツヤ</t>
    </rPh>
    <rPh sb="12" eb="13">
      <t>オ</t>
    </rPh>
    <rPh sb="16" eb="18">
      <t>バンチ</t>
    </rPh>
    <phoneticPr fontId="1"/>
  </si>
  <si>
    <t>美癒　Miyu</t>
    <rPh sb="0" eb="1">
      <t>ウツク</t>
    </rPh>
    <rPh sb="1" eb="2">
      <t>イヤ</t>
    </rPh>
    <phoneticPr fontId="1"/>
  </si>
  <si>
    <t>株式会社　中川善三郎商店</t>
    <phoneticPr fontId="1"/>
  </si>
  <si>
    <t>健康薬店　一輪の思いやり</t>
    <rPh sb="0" eb="2">
      <t>ケンコウ</t>
    </rPh>
    <rPh sb="2" eb="4">
      <t>ヤクテン</t>
    </rPh>
    <rPh sb="5" eb="7">
      <t>イチリン</t>
    </rPh>
    <rPh sb="8" eb="9">
      <t>オモ</t>
    </rPh>
    <phoneticPr fontId="1"/>
  </si>
  <si>
    <t>富山市古沢735-1</t>
    <rPh sb="0" eb="3">
      <t>トヤマシ</t>
    </rPh>
    <rPh sb="3" eb="5">
      <t>フルサワ</t>
    </rPh>
    <phoneticPr fontId="1"/>
  </si>
  <si>
    <t>有限会社なごみ薬局</t>
    <rPh sb="0" eb="4">
      <t>ユウゲンガイシャ</t>
    </rPh>
    <rPh sb="7" eb="9">
      <t>ヤッキョク</t>
    </rPh>
    <phoneticPr fontId="1"/>
  </si>
  <si>
    <t>高岡市蓮華寺561-2</t>
    <rPh sb="0" eb="3">
      <t>タカオカシ</t>
    </rPh>
    <rPh sb="3" eb="6">
      <t>レンゲジ</t>
    </rPh>
    <phoneticPr fontId="1"/>
  </si>
  <si>
    <t>その他の公衆浴場</t>
    <rPh sb="2" eb="3">
      <t>タ</t>
    </rPh>
    <phoneticPr fontId="1"/>
  </si>
  <si>
    <t>癒しの夢</t>
    <rPh sb="0" eb="1">
      <t>イヤ</t>
    </rPh>
    <rPh sb="3" eb="4">
      <t>ユメ</t>
    </rPh>
    <phoneticPr fontId="1"/>
  </si>
  <si>
    <t>大阪府大阪市西区江戸堀３丁目１番３１号</t>
    <phoneticPr fontId="1"/>
  </si>
  <si>
    <t>そらリラクゼーション</t>
    <phoneticPr fontId="1"/>
  </si>
  <si>
    <t>富山市上袋５４５番地１</t>
    <rPh sb="0" eb="3">
      <t>トヤマシ</t>
    </rPh>
    <rPh sb="3" eb="4">
      <t>カミ</t>
    </rPh>
    <rPh sb="4" eb="5">
      <t>フクロ</t>
    </rPh>
    <rPh sb="8" eb="10">
      <t>バンチ</t>
    </rPh>
    <phoneticPr fontId="1"/>
  </si>
  <si>
    <t>高岡市体育協会研修センター</t>
    <rPh sb="0" eb="3">
      <t>タカオカシ</t>
    </rPh>
    <rPh sb="3" eb="5">
      <t>タイイク</t>
    </rPh>
    <rPh sb="5" eb="7">
      <t>キョウカイ</t>
    </rPh>
    <rPh sb="7" eb="9">
      <t>ケンシュウ</t>
    </rPh>
    <phoneticPr fontId="1"/>
  </si>
  <si>
    <t>富山市原341-2</t>
    <rPh sb="0" eb="3">
      <t>トヤマシ</t>
    </rPh>
    <rPh sb="3" eb="4">
      <t>ハラ</t>
    </rPh>
    <phoneticPr fontId="1"/>
  </si>
  <si>
    <t>（公益財団法人）高岡市体育協会</t>
    <rPh sb="1" eb="3">
      <t>コウエキ</t>
    </rPh>
    <rPh sb="3" eb="5">
      <t>ザイダン</t>
    </rPh>
    <rPh sb="5" eb="7">
      <t>ホウジン</t>
    </rPh>
    <rPh sb="8" eb="11">
      <t>タカオカシ</t>
    </rPh>
    <rPh sb="11" eb="13">
      <t>タイイク</t>
    </rPh>
    <rPh sb="13" eb="15">
      <t>キョウカイ</t>
    </rPh>
    <phoneticPr fontId="1"/>
  </si>
  <si>
    <t>高岡市古城1番8号</t>
    <rPh sb="0" eb="3">
      <t>タカオカシ</t>
    </rPh>
    <rPh sb="3" eb="5">
      <t>コジョウ</t>
    </rPh>
    <rPh sb="6" eb="7">
      <t>バン</t>
    </rPh>
    <rPh sb="8" eb="9">
      <t>ゴウ</t>
    </rPh>
    <phoneticPr fontId="1"/>
  </si>
  <si>
    <t>その他の公衆浴場</t>
    <rPh sb="2" eb="3">
      <t>タ</t>
    </rPh>
    <rPh sb="4" eb="6">
      <t>コウシュウ</t>
    </rPh>
    <rPh sb="6" eb="8">
      <t>ヨクジョウ</t>
    </rPh>
    <phoneticPr fontId="1"/>
  </si>
  <si>
    <t>福島の湯</t>
    <phoneticPr fontId="1"/>
  </si>
  <si>
    <t>富山市八尾町福島52</t>
    <rPh sb="0" eb="3">
      <t>トヤマシ</t>
    </rPh>
    <rPh sb="3" eb="6">
      <t>ヤツオマチ</t>
    </rPh>
    <rPh sb="6" eb="8">
      <t>フクジマ</t>
    </rPh>
    <phoneticPr fontId="1"/>
  </si>
  <si>
    <t>アパホテルステイ＜富山＞</t>
    <rPh sb="9" eb="11">
      <t>トヤマ</t>
    </rPh>
    <phoneticPr fontId="1"/>
  </si>
  <si>
    <t>富山市窪新町6-1</t>
    <rPh sb="0" eb="3">
      <t>トヤマシ</t>
    </rPh>
    <rPh sb="3" eb="6">
      <t>クボシンマチ</t>
    </rPh>
    <phoneticPr fontId="1"/>
  </si>
  <si>
    <t>アパ住宅株式会社</t>
    <rPh sb="2" eb="4">
      <t>ジュウタク</t>
    </rPh>
    <rPh sb="4" eb="8">
      <t>カブシキガイシャ</t>
    </rPh>
    <phoneticPr fontId="1"/>
  </si>
  <si>
    <t>石川県金沢市大和町5-1</t>
    <rPh sb="0" eb="3">
      <t>イシカワケン</t>
    </rPh>
    <rPh sb="3" eb="6">
      <t>カナザワシ</t>
    </rPh>
    <rPh sb="6" eb="8">
      <t>ヤマト</t>
    </rPh>
    <rPh sb="8" eb="9">
      <t>マチ</t>
    </rPh>
    <phoneticPr fontId="1"/>
  </si>
  <si>
    <t>114</t>
    <phoneticPr fontId="1"/>
  </si>
  <si>
    <t>業種</t>
    <phoneticPr fontId="1"/>
  </si>
  <si>
    <t>施設名</t>
    <rPh sb="0" eb="2">
      <t>シセツ</t>
    </rPh>
    <rPh sb="2" eb="3">
      <t>メイ</t>
    </rPh>
    <phoneticPr fontId="1"/>
  </si>
  <si>
    <t>施設住所</t>
    <rPh sb="0" eb="2">
      <t>シセツ</t>
    </rPh>
    <rPh sb="2" eb="4">
      <t>ジュウショ</t>
    </rPh>
    <phoneticPr fontId="1"/>
  </si>
  <si>
    <t>営業者名</t>
    <rPh sb="0" eb="3">
      <t>エイギョウシャ</t>
    </rPh>
    <rPh sb="3" eb="4">
      <t>メイ</t>
    </rPh>
    <phoneticPr fontId="1"/>
  </si>
  <si>
    <t>営業者住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[$-411]ge\.m\.d;@"/>
    <numFmt numFmtId="177" formatCode="0_);[Red]\(0\)"/>
    <numFmt numFmtId="178" formatCode="[&lt;=999]000;[&lt;=9999]000\-00;000\-0000"/>
  </numFmts>
  <fonts count="5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color indexed="8"/>
      <name val="DejaVu Sans"/>
      <family val="2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2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5">
    <xf numFmtId="0" fontId="0" fillId="0" borderId="0" xfId="0"/>
    <xf numFmtId="0" fontId="0" fillId="0" borderId="0" xfId="0" applyFill="1" applyAlignment="1">
      <alignment shrinkToFit="1"/>
    </xf>
    <xf numFmtId="0" fontId="2" fillId="0" borderId="1" xfId="0" applyFont="1" applyFill="1" applyBorder="1" applyAlignment="1">
      <alignment shrinkToFit="1"/>
    </xf>
    <xf numFmtId="0" fontId="3" fillId="0" borderId="1" xfId="0" applyFont="1" applyFill="1" applyBorder="1" applyAlignment="1">
      <alignment shrinkToFit="1"/>
    </xf>
    <xf numFmtId="176" fontId="2" fillId="0" borderId="1" xfId="0" applyNumberFormat="1" applyFont="1" applyFill="1" applyBorder="1" applyAlignment="1">
      <alignment shrinkToFit="1"/>
    </xf>
    <xf numFmtId="0" fontId="0" fillId="0" borderId="1" xfId="0" applyFill="1" applyBorder="1" applyAlignment="1">
      <alignment shrinkToFit="1"/>
    </xf>
    <xf numFmtId="176" fontId="0" fillId="0" borderId="1" xfId="0" applyNumberFormat="1" applyFill="1" applyBorder="1" applyAlignment="1" applyProtection="1">
      <alignment vertical="center" shrinkToFit="1"/>
    </xf>
    <xf numFmtId="0" fontId="0" fillId="0" borderId="1" xfId="0" applyFont="1" applyFill="1" applyBorder="1" applyAlignment="1">
      <alignment shrinkToFit="1"/>
    </xf>
    <xf numFmtId="0" fontId="4" fillId="0" borderId="1" xfId="0" applyFont="1" applyFill="1" applyBorder="1" applyAlignment="1">
      <alignment shrinkToFit="1"/>
    </xf>
    <xf numFmtId="176" fontId="0" fillId="0" borderId="1" xfId="0" applyNumberFormat="1" applyFill="1" applyBorder="1" applyAlignment="1">
      <alignment shrinkToFit="1"/>
    </xf>
    <xf numFmtId="177" fontId="0" fillId="0" borderId="1" xfId="0" applyNumberFormat="1" applyFont="1" applyFill="1" applyBorder="1" applyAlignment="1">
      <alignment shrinkToFit="1"/>
    </xf>
    <xf numFmtId="178" fontId="0" fillId="0" borderId="1" xfId="0" applyNumberFormat="1" applyFont="1" applyFill="1" applyBorder="1" applyAlignment="1">
      <alignment shrinkToFit="1"/>
    </xf>
    <xf numFmtId="49" fontId="0" fillId="0" borderId="1" xfId="0" applyNumberFormat="1" applyFont="1" applyFill="1" applyBorder="1" applyAlignment="1">
      <alignment horizontal="right" shrinkToFit="1"/>
    </xf>
    <xf numFmtId="0" fontId="3" fillId="0" borderId="2" xfId="0" applyFont="1" applyFill="1" applyBorder="1" applyAlignment="1">
      <alignment horizontal="left" shrinkToFit="1"/>
    </xf>
    <xf numFmtId="0" fontId="3" fillId="0" borderId="3" xfId="0" applyFont="1" applyFill="1" applyBorder="1" applyAlignment="1">
      <alignment horizontal="left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99"/>
  <sheetViews>
    <sheetView tabSelected="1" topLeftCell="A64" workbookViewId="0">
      <selection activeCell="L12" sqref="L12"/>
    </sheetView>
  </sheetViews>
  <sheetFormatPr defaultRowHeight="13.5"/>
  <cols>
    <col min="1" max="1" width="3.625" style="1" customWidth="1"/>
    <col min="2" max="2" width="7.25" style="1" customWidth="1"/>
    <col min="3" max="3" width="13.375" style="1" customWidth="1"/>
    <col min="4" max="4" width="17.75" style="1" customWidth="1"/>
    <col min="5" max="5" width="9" style="1"/>
    <col min="6" max="6" width="17.875" style="1" customWidth="1"/>
    <col min="7" max="7" width="17.125" style="1" customWidth="1"/>
    <col min="8" max="8" width="7.125" style="1" customWidth="1"/>
    <col min="9" max="9" width="4.375" style="1" customWidth="1"/>
  </cols>
  <sheetData>
    <row r="1" spans="1:9" ht="14.25">
      <c r="A1" s="2" t="s">
        <v>0</v>
      </c>
      <c r="B1" s="3" t="s">
        <v>294</v>
      </c>
      <c r="C1" s="3" t="s">
        <v>295</v>
      </c>
      <c r="D1" s="13" t="s">
        <v>296</v>
      </c>
      <c r="E1" s="14"/>
      <c r="F1" s="3" t="s">
        <v>297</v>
      </c>
      <c r="G1" s="3" t="s">
        <v>298</v>
      </c>
      <c r="H1" s="4" t="s">
        <v>8</v>
      </c>
      <c r="I1" s="2" t="s">
        <v>9</v>
      </c>
    </row>
    <row r="2" spans="1:9" ht="14.25">
      <c r="A2" s="2">
        <v>1</v>
      </c>
      <c r="B2" s="3" t="s">
        <v>10</v>
      </c>
      <c r="C2" s="3" t="s">
        <v>12</v>
      </c>
      <c r="D2" s="3" t="s">
        <v>6</v>
      </c>
      <c r="E2" s="5"/>
      <c r="F2" s="3" t="s">
        <v>13</v>
      </c>
      <c r="G2" s="3" t="s">
        <v>6</v>
      </c>
      <c r="H2" s="6">
        <v>36798</v>
      </c>
      <c r="I2" s="7">
        <v>23</v>
      </c>
    </row>
    <row r="3" spans="1:9" ht="14.25">
      <c r="A3" s="2">
        <v>2</v>
      </c>
      <c r="B3" s="3" t="s">
        <v>10</v>
      </c>
      <c r="C3" s="3" t="s">
        <v>15</v>
      </c>
      <c r="D3" s="3" t="s">
        <v>16</v>
      </c>
      <c r="E3" s="5"/>
      <c r="F3" s="3"/>
      <c r="G3" s="3"/>
      <c r="H3" s="6">
        <v>29787</v>
      </c>
      <c r="I3" s="7">
        <v>982</v>
      </c>
    </row>
    <row r="4" spans="1:9" ht="14.25">
      <c r="A4" s="2">
        <v>3</v>
      </c>
      <c r="B4" s="3" t="s">
        <v>10</v>
      </c>
      <c r="C4" s="3" t="s">
        <v>17</v>
      </c>
      <c r="D4" s="3" t="s">
        <v>18</v>
      </c>
      <c r="E4" s="5"/>
      <c r="F4" s="3" t="s">
        <v>19</v>
      </c>
      <c r="G4" s="3" t="s">
        <v>18</v>
      </c>
      <c r="H4" s="6">
        <v>28122</v>
      </c>
      <c r="I4" s="7">
        <v>906</v>
      </c>
    </row>
    <row r="5" spans="1:9" ht="14.25">
      <c r="A5" s="2">
        <v>4</v>
      </c>
      <c r="B5" s="3" t="s">
        <v>11</v>
      </c>
      <c r="C5" s="3" t="s">
        <v>20</v>
      </c>
      <c r="D5" s="3" t="s">
        <v>21</v>
      </c>
      <c r="E5" s="5"/>
      <c r="F5" s="3"/>
      <c r="G5" s="3"/>
      <c r="H5" s="6">
        <v>31122</v>
      </c>
      <c r="I5" s="7">
        <v>1038</v>
      </c>
    </row>
    <row r="6" spans="1:9" ht="14.25">
      <c r="A6" s="2">
        <v>5</v>
      </c>
      <c r="B6" s="3" t="s">
        <v>10</v>
      </c>
      <c r="C6" s="3" t="s">
        <v>22</v>
      </c>
      <c r="D6" s="3" t="s">
        <v>23</v>
      </c>
      <c r="E6" s="5"/>
      <c r="F6" s="3" t="s">
        <v>24</v>
      </c>
      <c r="G6" s="3" t="s">
        <v>23</v>
      </c>
      <c r="H6" s="6">
        <v>36515</v>
      </c>
      <c r="I6" s="7">
        <v>19</v>
      </c>
    </row>
    <row r="7" spans="1:9" ht="14.25">
      <c r="A7" s="2">
        <v>6</v>
      </c>
      <c r="B7" s="3" t="s">
        <v>11</v>
      </c>
      <c r="C7" s="3" t="s">
        <v>25</v>
      </c>
      <c r="D7" s="3" t="s">
        <v>26</v>
      </c>
      <c r="E7" s="5"/>
      <c r="F7" s="3"/>
      <c r="G7" s="3"/>
      <c r="H7" s="6">
        <v>32063</v>
      </c>
      <c r="I7" s="7">
        <v>1098</v>
      </c>
    </row>
    <row r="8" spans="1:9" ht="14.25">
      <c r="A8" s="2">
        <v>7</v>
      </c>
      <c r="B8" s="3" t="s">
        <v>10</v>
      </c>
      <c r="C8" s="3" t="s">
        <v>27</v>
      </c>
      <c r="D8" s="3" t="s">
        <v>3</v>
      </c>
      <c r="E8" s="5"/>
      <c r="F8" s="3" t="s">
        <v>28</v>
      </c>
      <c r="G8" s="3" t="s">
        <v>3</v>
      </c>
      <c r="H8" s="6">
        <v>33282</v>
      </c>
      <c r="I8" s="7">
        <v>1145</v>
      </c>
    </row>
    <row r="9" spans="1:9" ht="14.25">
      <c r="A9" s="2">
        <v>8</v>
      </c>
      <c r="B9" s="3" t="s">
        <v>11</v>
      </c>
      <c r="C9" s="3" t="s">
        <v>29</v>
      </c>
      <c r="D9" s="3" t="s">
        <v>30</v>
      </c>
      <c r="E9" s="5"/>
      <c r="F9" s="3" t="s">
        <v>31</v>
      </c>
      <c r="G9" s="3" t="s">
        <v>30</v>
      </c>
      <c r="H9" s="6">
        <v>36599</v>
      </c>
      <c r="I9" s="7">
        <v>20</v>
      </c>
    </row>
    <row r="10" spans="1:9" ht="14.25">
      <c r="A10" s="2">
        <v>9</v>
      </c>
      <c r="B10" s="3" t="s">
        <v>10</v>
      </c>
      <c r="C10" s="3" t="s">
        <v>32</v>
      </c>
      <c r="D10" s="3" t="s">
        <v>33</v>
      </c>
      <c r="E10" s="5"/>
      <c r="F10" s="3" t="s">
        <v>34</v>
      </c>
      <c r="G10" s="3" t="s">
        <v>35</v>
      </c>
      <c r="H10" s="6">
        <v>36468</v>
      </c>
      <c r="I10" s="7">
        <v>18</v>
      </c>
    </row>
    <row r="11" spans="1:9" ht="14.25">
      <c r="A11" s="2">
        <v>10</v>
      </c>
      <c r="B11" s="3" t="s">
        <v>10</v>
      </c>
      <c r="C11" s="3" t="s">
        <v>36</v>
      </c>
      <c r="D11" s="3" t="s">
        <v>37</v>
      </c>
      <c r="E11" s="5"/>
      <c r="F11" s="3" t="s">
        <v>38</v>
      </c>
      <c r="G11" s="3" t="s">
        <v>39</v>
      </c>
      <c r="H11" s="6">
        <v>37895</v>
      </c>
      <c r="I11" s="7">
        <v>28</v>
      </c>
    </row>
    <row r="12" spans="1:9" ht="14.25">
      <c r="A12" s="2">
        <v>11</v>
      </c>
      <c r="B12" s="3" t="s">
        <v>10</v>
      </c>
      <c r="C12" s="3" t="s">
        <v>40</v>
      </c>
      <c r="D12" s="3" t="s">
        <v>41</v>
      </c>
      <c r="E12" s="5"/>
      <c r="F12" s="3" t="s">
        <v>38</v>
      </c>
      <c r="G12" s="3" t="s">
        <v>39</v>
      </c>
      <c r="H12" s="6">
        <v>37288</v>
      </c>
      <c r="I12" s="7">
        <v>26</v>
      </c>
    </row>
    <row r="13" spans="1:9" ht="14.25">
      <c r="A13" s="2">
        <v>12</v>
      </c>
      <c r="B13" s="3" t="s">
        <v>10</v>
      </c>
      <c r="C13" s="3" t="s">
        <v>42</v>
      </c>
      <c r="D13" s="3" t="s">
        <v>43</v>
      </c>
      <c r="E13" s="5"/>
      <c r="F13" s="3" t="s">
        <v>44</v>
      </c>
      <c r="G13" s="3" t="s">
        <v>45</v>
      </c>
      <c r="H13" s="6">
        <v>35521</v>
      </c>
      <c r="I13" s="7">
        <v>5</v>
      </c>
    </row>
    <row r="14" spans="1:9" ht="14.25">
      <c r="A14" s="2">
        <v>13</v>
      </c>
      <c r="B14" s="3" t="s">
        <v>10</v>
      </c>
      <c r="C14" s="3" t="s">
        <v>46</v>
      </c>
      <c r="D14" s="3" t="s">
        <v>47</v>
      </c>
      <c r="E14" s="5"/>
      <c r="F14" s="3" t="s">
        <v>48</v>
      </c>
      <c r="G14" s="3" t="s">
        <v>47</v>
      </c>
      <c r="H14" s="6">
        <v>34271</v>
      </c>
      <c r="I14" s="7">
        <v>1178</v>
      </c>
    </row>
    <row r="15" spans="1:9" ht="14.25">
      <c r="A15" s="2">
        <v>14</v>
      </c>
      <c r="B15" s="3" t="s">
        <v>11</v>
      </c>
      <c r="C15" s="7" t="s">
        <v>253</v>
      </c>
      <c r="D15" s="3" t="s">
        <v>49</v>
      </c>
      <c r="E15" s="3" t="s">
        <v>50</v>
      </c>
      <c r="F15" s="3" t="s">
        <v>51</v>
      </c>
      <c r="G15" s="3" t="s">
        <v>279</v>
      </c>
      <c r="H15" s="6">
        <v>32476</v>
      </c>
      <c r="I15" s="7">
        <v>1116</v>
      </c>
    </row>
    <row r="16" spans="1:9" ht="14.25">
      <c r="A16" s="2">
        <v>15</v>
      </c>
      <c r="B16" s="3" t="s">
        <v>11</v>
      </c>
      <c r="C16" s="3" t="s">
        <v>52</v>
      </c>
      <c r="D16" s="3" t="s">
        <v>53</v>
      </c>
      <c r="E16" s="5"/>
      <c r="F16" s="3"/>
      <c r="G16" s="3"/>
      <c r="H16" s="6">
        <v>24855</v>
      </c>
      <c r="I16" s="7">
        <v>710</v>
      </c>
    </row>
    <row r="17" spans="1:9" ht="14.25">
      <c r="A17" s="2">
        <v>16</v>
      </c>
      <c r="B17" s="3" t="s">
        <v>10</v>
      </c>
      <c r="C17" s="3" t="s">
        <v>54</v>
      </c>
      <c r="D17" s="3" t="s">
        <v>55</v>
      </c>
      <c r="E17" s="5"/>
      <c r="F17" s="3" t="s">
        <v>56</v>
      </c>
      <c r="G17" s="3" t="s">
        <v>57</v>
      </c>
      <c r="H17" s="6">
        <v>37292</v>
      </c>
      <c r="I17" s="7">
        <v>27</v>
      </c>
    </row>
    <row r="18" spans="1:9" ht="14.25">
      <c r="A18" s="2">
        <v>17</v>
      </c>
      <c r="B18" s="3" t="s">
        <v>10</v>
      </c>
      <c r="C18" s="3" t="s">
        <v>58</v>
      </c>
      <c r="D18" s="3" t="s">
        <v>59</v>
      </c>
      <c r="E18" s="5"/>
      <c r="F18" s="3" t="s">
        <v>60</v>
      </c>
      <c r="G18" s="3" t="s">
        <v>59</v>
      </c>
      <c r="H18" s="6">
        <v>35521</v>
      </c>
      <c r="I18" s="7">
        <v>6</v>
      </c>
    </row>
    <row r="19" spans="1:9" ht="14.25">
      <c r="A19" s="2">
        <v>18</v>
      </c>
      <c r="B19" s="3" t="s">
        <v>11</v>
      </c>
      <c r="C19" s="3" t="s">
        <v>61</v>
      </c>
      <c r="D19" s="3" t="s">
        <v>62</v>
      </c>
      <c r="E19" s="5"/>
      <c r="F19" s="3"/>
      <c r="G19" s="3"/>
      <c r="H19" s="6">
        <v>30933</v>
      </c>
      <c r="I19" s="7">
        <v>1029</v>
      </c>
    </row>
    <row r="20" spans="1:9" ht="14.25">
      <c r="A20" s="2">
        <v>19</v>
      </c>
      <c r="B20" s="3" t="s">
        <v>11</v>
      </c>
      <c r="C20" s="3" t="s">
        <v>63</v>
      </c>
      <c r="D20" s="3" t="s">
        <v>64</v>
      </c>
      <c r="E20" s="5"/>
      <c r="F20" s="3"/>
      <c r="G20" s="3"/>
      <c r="H20" s="6">
        <v>29622</v>
      </c>
      <c r="I20" s="7">
        <v>975</v>
      </c>
    </row>
    <row r="21" spans="1:9" ht="14.25">
      <c r="A21" s="2">
        <v>20</v>
      </c>
      <c r="B21" s="3" t="s">
        <v>10</v>
      </c>
      <c r="C21" s="3" t="s">
        <v>68</v>
      </c>
      <c r="D21" s="3" t="s">
        <v>69</v>
      </c>
      <c r="E21" s="5"/>
      <c r="F21" s="3" t="s">
        <v>70</v>
      </c>
      <c r="G21" s="3" t="s">
        <v>71</v>
      </c>
      <c r="H21" s="6">
        <v>35541</v>
      </c>
      <c r="I21" s="7">
        <v>9</v>
      </c>
    </row>
    <row r="22" spans="1:9" ht="14.25">
      <c r="A22" s="2">
        <v>21</v>
      </c>
      <c r="B22" s="3" t="s">
        <v>11</v>
      </c>
      <c r="C22" s="3" t="s">
        <v>72</v>
      </c>
      <c r="D22" s="3" t="s">
        <v>73</v>
      </c>
      <c r="E22" s="5"/>
      <c r="F22" s="3"/>
      <c r="G22" s="3"/>
      <c r="H22" s="6">
        <v>30561</v>
      </c>
      <c r="I22" s="7">
        <v>1012</v>
      </c>
    </row>
    <row r="23" spans="1:9" ht="14.25">
      <c r="A23" s="2">
        <v>22</v>
      </c>
      <c r="B23" s="3" t="s">
        <v>10</v>
      </c>
      <c r="C23" s="3" t="s">
        <v>74</v>
      </c>
      <c r="D23" s="3" t="s">
        <v>75</v>
      </c>
      <c r="E23" s="5"/>
      <c r="F23" s="3" t="s">
        <v>76</v>
      </c>
      <c r="G23" s="3" t="s">
        <v>75</v>
      </c>
      <c r="H23" s="6">
        <v>35878</v>
      </c>
      <c r="I23" s="7">
        <v>11</v>
      </c>
    </row>
    <row r="24" spans="1:9" ht="14.25">
      <c r="A24" s="2">
        <v>23</v>
      </c>
      <c r="B24" s="3" t="s">
        <v>11</v>
      </c>
      <c r="C24" s="3" t="s">
        <v>77</v>
      </c>
      <c r="D24" s="3" t="s">
        <v>78</v>
      </c>
      <c r="E24" s="5"/>
      <c r="F24" s="3"/>
      <c r="G24" s="3"/>
      <c r="H24" s="6">
        <v>30265</v>
      </c>
      <c r="I24" s="7">
        <v>1002</v>
      </c>
    </row>
    <row r="25" spans="1:9" ht="14.25">
      <c r="A25" s="2">
        <v>24</v>
      </c>
      <c r="B25" s="3" t="s">
        <v>11</v>
      </c>
      <c r="C25" s="3" t="s">
        <v>79</v>
      </c>
      <c r="D25" s="3" t="s">
        <v>80</v>
      </c>
      <c r="E25" s="5"/>
      <c r="F25" s="3"/>
      <c r="G25" s="3"/>
      <c r="H25" s="6">
        <v>18918</v>
      </c>
      <c r="I25" s="7">
        <v>314</v>
      </c>
    </row>
    <row r="26" spans="1:9" ht="14.25">
      <c r="A26" s="2">
        <v>25</v>
      </c>
      <c r="B26" s="3" t="s">
        <v>11</v>
      </c>
      <c r="C26" s="3" t="s">
        <v>81</v>
      </c>
      <c r="D26" s="3" t="s">
        <v>82</v>
      </c>
      <c r="E26" s="5"/>
      <c r="F26" s="3"/>
      <c r="G26" s="3"/>
      <c r="H26" s="6">
        <v>28387</v>
      </c>
      <c r="I26" s="7">
        <v>919</v>
      </c>
    </row>
    <row r="27" spans="1:9" ht="14.25">
      <c r="A27" s="2">
        <v>26</v>
      </c>
      <c r="B27" s="3" t="s">
        <v>11</v>
      </c>
      <c r="C27" s="3" t="s">
        <v>83</v>
      </c>
      <c r="D27" s="3" t="s">
        <v>84</v>
      </c>
      <c r="E27" s="5"/>
      <c r="F27" s="3"/>
      <c r="G27" s="3"/>
      <c r="H27" s="6">
        <v>32514</v>
      </c>
      <c r="I27" s="7">
        <v>1119</v>
      </c>
    </row>
    <row r="28" spans="1:9" ht="14.25">
      <c r="A28" s="2">
        <v>27</v>
      </c>
      <c r="B28" s="3" t="s">
        <v>11</v>
      </c>
      <c r="C28" s="3" t="s">
        <v>85</v>
      </c>
      <c r="D28" s="3" t="s">
        <v>1</v>
      </c>
      <c r="E28" s="5"/>
      <c r="F28" s="3"/>
      <c r="G28" s="3"/>
      <c r="H28" s="6">
        <v>27368</v>
      </c>
      <c r="I28" s="7">
        <v>879</v>
      </c>
    </row>
    <row r="29" spans="1:9" ht="14.25">
      <c r="A29" s="2">
        <v>28</v>
      </c>
      <c r="B29" s="3" t="s">
        <v>11</v>
      </c>
      <c r="C29" s="3" t="s">
        <v>87</v>
      </c>
      <c r="D29" s="3" t="s">
        <v>88</v>
      </c>
      <c r="E29" s="5"/>
      <c r="F29" s="3"/>
      <c r="G29" s="3"/>
      <c r="H29" s="6">
        <v>30173</v>
      </c>
      <c r="I29" s="7">
        <v>998</v>
      </c>
    </row>
    <row r="30" spans="1:9" ht="14.25">
      <c r="A30" s="2">
        <v>29</v>
      </c>
      <c r="B30" s="3" t="s">
        <v>11</v>
      </c>
      <c r="C30" s="3" t="s">
        <v>89</v>
      </c>
      <c r="D30" s="3" t="s">
        <v>90</v>
      </c>
      <c r="E30" s="5"/>
      <c r="F30" s="3"/>
      <c r="G30" s="3"/>
      <c r="H30" s="6">
        <v>32052</v>
      </c>
      <c r="I30" s="7">
        <v>1097</v>
      </c>
    </row>
    <row r="31" spans="1:9" ht="14.25">
      <c r="A31" s="2">
        <v>30</v>
      </c>
      <c r="B31" s="3" t="s">
        <v>10</v>
      </c>
      <c r="C31" s="3" t="s">
        <v>100</v>
      </c>
      <c r="D31" s="3" t="s">
        <v>4</v>
      </c>
      <c r="E31" s="5"/>
      <c r="F31" s="3" t="s">
        <v>5</v>
      </c>
      <c r="G31" s="3" t="s">
        <v>101</v>
      </c>
      <c r="H31" s="6">
        <v>35539</v>
      </c>
      <c r="I31" s="7">
        <v>8</v>
      </c>
    </row>
    <row r="32" spans="1:9" ht="14.25">
      <c r="A32" s="2">
        <v>31</v>
      </c>
      <c r="B32" s="3" t="s">
        <v>10</v>
      </c>
      <c r="C32" s="3" t="s">
        <v>102</v>
      </c>
      <c r="D32" s="3" t="s">
        <v>103</v>
      </c>
      <c r="E32" s="5"/>
      <c r="F32" s="3" t="s">
        <v>104</v>
      </c>
      <c r="G32" s="3" t="s">
        <v>105</v>
      </c>
      <c r="H32" s="6">
        <v>36349</v>
      </c>
      <c r="I32" s="7">
        <v>16</v>
      </c>
    </row>
    <row r="33" spans="1:9" ht="14.25">
      <c r="A33" s="2">
        <v>32</v>
      </c>
      <c r="B33" s="3" t="s">
        <v>10</v>
      </c>
      <c r="C33" s="3" t="s">
        <v>106</v>
      </c>
      <c r="D33" s="3" t="s">
        <v>103</v>
      </c>
      <c r="E33" s="5"/>
      <c r="F33" s="3" t="s">
        <v>104</v>
      </c>
      <c r="G33" s="3" t="s">
        <v>105</v>
      </c>
      <c r="H33" s="6">
        <v>36349</v>
      </c>
      <c r="I33" s="7">
        <v>17</v>
      </c>
    </row>
    <row r="34" spans="1:9" ht="14.25">
      <c r="A34" s="2">
        <v>33</v>
      </c>
      <c r="B34" s="3" t="s">
        <v>10</v>
      </c>
      <c r="C34" s="3" t="s">
        <v>108</v>
      </c>
      <c r="D34" s="3" t="s">
        <v>109</v>
      </c>
      <c r="E34" s="5"/>
      <c r="F34" s="3"/>
      <c r="G34" s="3"/>
      <c r="H34" s="6">
        <v>36302</v>
      </c>
      <c r="I34" s="7">
        <v>15</v>
      </c>
    </row>
    <row r="35" spans="1:9" ht="14.25">
      <c r="A35" s="2">
        <v>34</v>
      </c>
      <c r="B35" s="3" t="s">
        <v>10</v>
      </c>
      <c r="C35" s="3" t="s">
        <v>110</v>
      </c>
      <c r="D35" s="3" t="s">
        <v>111</v>
      </c>
      <c r="E35" s="5"/>
      <c r="F35" s="3"/>
      <c r="G35" s="3"/>
      <c r="H35" s="6">
        <v>36220</v>
      </c>
      <c r="I35" s="7">
        <v>13</v>
      </c>
    </row>
    <row r="36" spans="1:9" ht="14.25">
      <c r="A36" s="2">
        <v>35</v>
      </c>
      <c r="B36" s="3" t="s">
        <v>10</v>
      </c>
      <c r="C36" s="3" t="s">
        <v>112</v>
      </c>
      <c r="D36" s="3" t="s">
        <v>113</v>
      </c>
      <c r="E36" s="5"/>
      <c r="F36" s="3"/>
      <c r="G36" s="3"/>
      <c r="H36" s="6">
        <v>34843</v>
      </c>
      <c r="I36" s="7">
        <v>1191</v>
      </c>
    </row>
    <row r="37" spans="1:9" ht="14.25">
      <c r="A37" s="2">
        <v>36</v>
      </c>
      <c r="B37" s="3" t="s">
        <v>11</v>
      </c>
      <c r="C37" s="3" t="s">
        <v>114</v>
      </c>
      <c r="D37" s="3" t="s">
        <v>115</v>
      </c>
      <c r="E37" s="5"/>
      <c r="F37" s="3"/>
      <c r="G37" s="3"/>
      <c r="H37" s="6">
        <v>29699</v>
      </c>
      <c r="I37" s="7">
        <v>979</v>
      </c>
    </row>
    <row r="38" spans="1:9" ht="14.25">
      <c r="A38" s="2">
        <v>37</v>
      </c>
      <c r="B38" s="3" t="s">
        <v>11</v>
      </c>
      <c r="C38" s="3" t="s">
        <v>116</v>
      </c>
      <c r="D38" s="3" t="s">
        <v>117</v>
      </c>
      <c r="E38" s="5"/>
      <c r="F38" s="3"/>
      <c r="G38" s="3"/>
      <c r="H38" s="6">
        <v>36098</v>
      </c>
      <c r="I38" s="7">
        <v>12</v>
      </c>
    </row>
    <row r="39" spans="1:9" ht="14.25">
      <c r="A39" s="2">
        <v>38</v>
      </c>
      <c r="B39" s="3" t="s">
        <v>10</v>
      </c>
      <c r="C39" s="3" t="s">
        <v>118</v>
      </c>
      <c r="D39" s="3" t="s">
        <v>119</v>
      </c>
      <c r="E39" s="5"/>
      <c r="F39" s="3" t="s">
        <v>120</v>
      </c>
      <c r="G39" s="3" t="s">
        <v>121</v>
      </c>
      <c r="H39" s="6">
        <v>38147</v>
      </c>
      <c r="I39" s="7">
        <v>30</v>
      </c>
    </row>
    <row r="40" spans="1:9" ht="14.25">
      <c r="A40" s="2">
        <v>39</v>
      </c>
      <c r="B40" s="3" t="s">
        <v>10</v>
      </c>
      <c r="C40" s="3" t="s">
        <v>268</v>
      </c>
      <c r="D40" s="3" t="s">
        <v>122</v>
      </c>
      <c r="E40" s="5"/>
      <c r="F40" s="3" t="s">
        <v>123</v>
      </c>
      <c r="G40" s="3" t="s">
        <v>124</v>
      </c>
      <c r="H40" s="6">
        <v>38207</v>
      </c>
      <c r="I40" s="7">
        <v>31</v>
      </c>
    </row>
    <row r="41" spans="1:9" ht="14.25">
      <c r="A41" s="2">
        <v>40</v>
      </c>
      <c r="B41" s="3" t="s">
        <v>11</v>
      </c>
      <c r="C41" s="3" t="s">
        <v>125</v>
      </c>
      <c r="D41" s="3" t="s">
        <v>86</v>
      </c>
      <c r="E41" s="5"/>
      <c r="F41" s="3" t="s">
        <v>126</v>
      </c>
      <c r="G41" s="3" t="s">
        <v>127</v>
      </c>
      <c r="H41" s="6">
        <v>38211</v>
      </c>
      <c r="I41" s="7">
        <v>32</v>
      </c>
    </row>
    <row r="42" spans="1:9" ht="14.25">
      <c r="A42" s="2">
        <v>41</v>
      </c>
      <c r="B42" s="3" t="s">
        <v>11</v>
      </c>
      <c r="C42" s="3" t="s">
        <v>130</v>
      </c>
      <c r="D42" s="3" t="s">
        <v>131</v>
      </c>
      <c r="E42" s="5"/>
      <c r="F42" s="3" t="s">
        <v>130</v>
      </c>
      <c r="G42" s="3" t="s">
        <v>132</v>
      </c>
      <c r="H42" s="6">
        <v>38261</v>
      </c>
      <c r="I42" s="7">
        <v>34</v>
      </c>
    </row>
    <row r="43" spans="1:9" ht="14.25">
      <c r="A43" s="2">
        <v>42</v>
      </c>
      <c r="B43" s="3" t="s">
        <v>11</v>
      </c>
      <c r="C43" s="3" t="s">
        <v>98</v>
      </c>
      <c r="D43" s="3" t="s">
        <v>99</v>
      </c>
      <c r="E43" s="5"/>
      <c r="F43" s="3"/>
      <c r="G43" s="3"/>
      <c r="H43" s="6">
        <v>38351</v>
      </c>
      <c r="I43" s="7">
        <v>35</v>
      </c>
    </row>
    <row r="44" spans="1:9" ht="14.25">
      <c r="A44" s="2">
        <v>43</v>
      </c>
      <c r="B44" s="3" t="s">
        <v>10</v>
      </c>
      <c r="C44" s="3" t="s">
        <v>133</v>
      </c>
      <c r="D44" s="3" t="s">
        <v>134</v>
      </c>
      <c r="E44" s="5"/>
      <c r="F44" s="3"/>
      <c r="G44" s="3"/>
      <c r="H44" s="6">
        <v>38450</v>
      </c>
      <c r="I44" s="7">
        <v>37</v>
      </c>
    </row>
    <row r="45" spans="1:9" ht="14.25">
      <c r="A45" s="2">
        <v>44</v>
      </c>
      <c r="B45" s="3" t="s">
        <v>11</v>
      </c>
      <c r="C45" s="3" t="s">
        <v>135</v>
      </c>
      <c r="D45" s="3" t="s">
        <v>136</v>
      </c>
      <c r="E45" s="5"/>
      <c r="F45" s="3"/>
      <c r="G45" s="3"/>
      <c r="H45" s="6">
        <v>32818</v>
      </c>
      <c r="I45" s="7">
        <v>1128</v>
      </c>
    </row>
    <row r="46" spans="1:9" ht="14.25">
      <c r="A46" s="2">
        <v>45</v>
      </c>
      <c r="B46" s="3" t="s">
        <v>10</v>
      </c>
      <c r="C46" s="3" t="s">
        <v>137</v>
      </c>
      <c r="D46" s="3" t="s">
        <v>138</v>
      </c>
      <c r="E46" s="5"/>
      <c r="F46" s="3" t="s">
        <v>139</v>
      </c>
      <c r="G46" s="3" t="s">
        <v>140</v>
      </c>
      <c r="H46" s="6">
        <v>35178</v>
      </c>
      <c r="I46" s="7">
        <v>1207</v>
      </c>
    </row>
    <row r="47" spans="1:9" ht="14.25">
      <c r="A47" s="2">
        <v>46</v>
      </c>
      <c r="B47" s="3" t="s">
        <v>10</v>
      </c>
      <c r="C47" s="3" t="s">
        <v>141</v>
      </c>
      <c r="D47" s="3" t="s">
        <v>142</v>
      </c>
      <c r="E47" s="5"/>
      <c r="F47" s="3" t="s">
        <v>143</v>
      </c>
      <c r="G47" s="3" t="s">
        <v>144</v>
      </c>
      <c r="H47" s="6">
        <v>33371</v>
      </c>
      <c r="I47" s="7">
        <v>1150</v>
      </c>
    </row>
    <row r="48" spans="1:9" ht="14.25">
      <c r="A48" s="2">
        <v>47</v>
      </c>
      <c r="B48" s="3" t="s">
        <v>10</v>
      </c>
      <c r="C48" s="3" t="s">
        <v>145</v>
      </c>
      <c r="D48" s="3" t="s">
        <v>146</v>
      </c>
      <c r="E48" s="5"/>
      <c r="F48" s="3" t="s">
        <v>147</v>
      </c>
      <c r="G48" s="3" t="s">
        <v>148</v>
      </c>
      <c r="H48" s="6">
        <v>34274</v>
      </c>
      <c r="I48" s="7">
        <v>1177</v>
      </c>
    </row>
    <row r="49" spans="1:9" ht="14.25">
      <c r="A49" s="2">
        <v>48</v>
      </c>
      <c r="B49" s="3" t="s">
        <v>10</v>
      </c>
      <c r="C49" s="3" t="s">
        <v>149</v>
      </c>
      <c r="D49" s="3" t="s">
        <v>150</v>
      </c>
      <c r="E49" s="5"/>
      <c r="F49" s="3" t="s">
        <v>151</v>
      </c>
      <c r="G49" s="3" t="s">
        <v>152</v>
      </c>
      <c r="H49" s="6">
        <v>35621</v>
      </c>
      <c r="I49" s="7">
        <v>1220</v>
      </c>
    </row>
    <row r="50" spans="1:9" ht="14.25">
      <c r="A50" s="2">
        <v>49</v>
      </c>
      <c r="B50" s="3" t="s">
        <v>10</v>
      </c>
      <c r="C50" s="3" t="s">
        <v>153</v>
      </c>
      <c r="D50" s="3" t="s">
        <v>150</v>
      </c>
      <c r="E50" s="5"/>
      <c r="F50" s="3" t="s">
        <v>151</v>
      </c>
      <c r="G50" s="3" t="s">
        <v>152</v>
      </c>
      <c r="H50" s="6">
        <v>35621</v>
      </c>
      <c r="I50" s="7">
        <v>1218</v>
      </c>
    </row>
    <row r="51" spans="1:9" ht="14.25">
      <c r="A51" s="2">
        <v>50</v>
      </c>
      <c r="B51" s="3" t="s">
        <v>10</v>
      </c>
      <c r="C51" s="3" t="s">
        <v>153</v>
      </c>
      <c r="D51" s="3" t="s">
        <v>150</v>
      </c>
      <c r="E51" s="5"/>
      <c r="F51" s="3" t="s">
        <v>151</v>
      </c>
      <c r="G51" s="3" t="s">
        <v>152</v>
      </c>
      <c r="H51" s="6">
        <v>35621</v>
      </c>
      <c r="I51" s="7">
        <v>1219</v>
      </c>
    </row>
    <row r="52" spans="1:9" ht="14.25">
      <c r="A52" s="2">
        <v>51</v>
      </c>
      <c r="B52" s="3" t="s">
        <v>10</v>
      </c>
      <c r="C52" s="3" t="s">
        <v>154</v>
      </c>
      <c r="D52" s="3" t="s">
        <v>155</v>
      </c>
      <c r="E52" s="5"/>
      <c r="F52" s="3" t="s">
        <v>156</v>
      </c>
      <c r="G52" s="3" t="s">
        <v>2</v>
      </c>
      <c r="H52" s="6">
        <v>36614</v>
      </c>
      <c r="I52" s="7">
        <v>1247</v>
      </c>
    </row>
    <row r="53" spans="1:9" ht="14.25">
      <c r="A53" s="2">
        <v>52</v>
      </c>
      <c r="B53" s="3" t="s">
        <v>10</v>
      </c>
      <c r="C53" s="3" t="s">
        <v>159</v>
      </c>
      <c r="D53" s="3" t="s">
        <v>160</v>
      </c>
      <c r="E53" s="5"/>
      <c r="F53" s="3" t="s">
        <v>161</v>
      </c>
      <c r="G53" s="3" t="s">
        <v>162</v>
      </c>
      <c r="H53" s="6">
        <v>30777</v>
      </c>
      <c r="I53" s="7">
        <v>1018</v>
      </c>
    </row>
    <row r="54" spans="1:9" ht="14.25">
      <c r="A54" s="2">
        <v>53</v>
      </c>
      <c r="B54" s="3" t="s">
        <v>10</v>
      </c>
      <c r="C54" s="3" t="s">
        <v>167</v>
      </c>
      <c r="D54" s="3" t="s">
        <v>168</v>
      </c>
      <c r="E54" s="5"/>
      <c r="F54" s="3" t="s">
        <v>169</v>
      </c>
      <c r="G54" s="3" t="s">
        <v>170</v>
      </c>
      <c r="H54" s="6">
        <v>38593</v>
      </c>
      <c r="I54" s="7">
        <v>39</v>
      </c>
    </row>
    <row r="55" spans="1:9" ht="14.25">
      <c r="A55" s="2">
        <v>54</v>
      </c>
      <c r="B55" s="3" t="s">
        <v>10</v>
      </c>
      <c r="C55" s="3" t="s">
        <v>172</v>
      </c>
      <c r="D55" s="3" t="s">
        <v>173</v>
      </c>
      <c r="E55" s="5"/>
      <c r="F55" s="3" t="s">
        <v>174</v>
      </c>
      <c r="G55" s="3" t="s">
        <v>175</v>
      </c>
      <c r="H55" s="6">
        <v>38657</v>
      </c>
      <c r="I55" s="7">
        <v>41</v>
      </c>
    </row>
    <row r="56" spans="1:9" ht="14.25">
      <c r="A56" s="2">
        <v>55</v>
      </c>
      <c r="B56" s="3" t="s">
        <v>11</v>
      </c>
      <c r="C56" s="3" t="s">
        <v>178</v>
      </c>
      <c r="D56" s="3" t="s">
        <v>14</v>
      </c>
      <c r="E56" s="5"/>
      <c r="F56" s="3" t="s">
        <v>179</v>
      </c>
      <c r="G56" s="3" t="s">
        <v>180</v>
      </c>
      <c r="H56" s="6">
        <v>38706</v>
      </c>
      <c r="I56" s="7">
        <v>43</v>
      </c>
    </row>
    <row r="57" spans="1:9" ht="14.25">
      <c r="A57" s="2">
        <v>56</v>
      </c>
      <c r="B57" s="3" t="s">
        <v>10</v>
      </c>
      <c r="C57" s="3" t="s">
        <v>183</v>
      </c>
      <c r="D57" s="3" t="s">
        <v>184</v>
      </c>
      <c r="E57" s="5"/>
      <c r="F57" s="3" t="s">
        <v>181</v>
      </c>
      <c r="G57" s="3" t="s">
        <v>182</v>
      </c>
      <c r="H57" s="6">
        <v>38716</v>
      </c>
      <c r="I57" s="7">
        <v>45</v>
      </c>
    </row>
    <row r="58" spans="1:9" ht="14.25">
      <c r="A58" s="2">
        <v>57</v>
      </c>
      <c r="B58" s="3" t="s">
        <v>10</v>
      </c>
      <c r="C58" s="3" t="s">
        <v>185</v>
      </c>
      <c r="D58" s="3" t="s">
        <v>186</v>
      </c>
      <c r="E58" s="5"/>
      <c r="F58" s="3" t="s">
        <v>187</v>
      </c>
      <c r="G58" s="3" t="s">
        <v>188</v>
      </c>
      <c r="H58" s="6">
        <v>38786</v>
      </c>
      <c r="I58" s="7">
        <v>46</v>
      </c>
    </row>
    <row r="59" spans="1:9" ht="14.25">
      <c r="A59" s="2">
        <v>58</v>
      </c>
      <c r="B59" s="3" t="s">
        <v>10</v>
      </c>
      <c r="C59" s="3" t="s">
        <v>190</v>
      </c>
      <c r="D59" s="3" t="s">
        <v>191</v>
      </c>
      <c r="E59" s="5"/>
      <c r="F59" s="3" t="s">
        <v>181</v>
      </c>
      <c r="G59" s="3" t="s">
        <v>182</v>
      </c>
      <c r="H59" s="6">
        <v>38808</v>
      </c>
      <c r="I59" s="7">
        <v>50</v>
      </c>
    </row>
    <row r="60" spans="1:9" ht="14.25">
      <c r="A60" s="2">
        <v>59</v>
      </c>
      <c r="B60" s="3" t="s">
        <v>10</v>
      </c>
      <c r="C60" s="3" t="s">
        <v>165</v>
      </c>
      <c r="D60" s="3" t="s">
        <v>166</v>
      </c>
      <c r="E60" s="5"/>
      <c r="F60" s="3" t="s">
        <v>181</v>
      </c>
      <c r="G60" s="3" t="s">
        <v>182</v>
      </c>
      <c r="H60" s="6">
        <v>38808</v>
      </c>
      <c r="I60" s="7">
        <v>52</v>
      </c>
    </row>
    <row r="61" spans="1:9" ht="14.25">
      <c r="A61" s="2">
        <v>60</v>
      </c>
      <c r="B61" s="3" t="s">
        <v>10</v>
      </c>
      <c r="C61" s="3" t="s">
        <v>194</v>
      </c>
      <c r="D61" s="3" t="s">
        <v>195</v>
      </c>
      <c r="E61" s="5"/>
      <c r="F61" s="3" t="s">
        <v>196</v>
      </c>
      <c r="G61" s="3" t="s">
        <v>197</v>
      </c>
      <c r="H61" s="6">
        <v>38869</v>
      </c>
      <c r="I61" s="7">
        <v>56</v>
      </c>
    </row>
    <row r="62" spans="1:9" ht="14.25">
      <c r="A62" s="2">
        <v>61</v>
      </c>
      <c r="B62" s="3" t="s">
        <v>10</v>
      </c>
      <c r="C62" s="3" t="s">
        <v>198</v>
      </c>
      <c r="D62" s="3" t="s">
        <v>199</v>
      </c>
      <c r="E62" s="5"/>
      <c r="F62" s="3"/>
      <c r="G62" s="3"/>
      <c r="H62" s="6">
        <v>39025</v>
      </c>
      <c r="I62" s="7">
        <v>58</v>
      </c>
    </row>
    <row r="63" spans="1:9" ht="14.25">
      <c r="A63" s="2">
        <v>62</v>
      </c>
      <c r="B63" s="3" t="s">
        <v>10</v>
      </c>
      <c r="C63" s="3" t="s">
        <v>200</v>
      </c>
      <c r="D63" s="3" t="s">
        <v>150</v>
      </c>
      <c r="E63" s="5"/>
      <c r="F63" s="3" t="s">
        <v>201</v>
      </c>
      <c r="G63" s="3" t="s">
        <v>152</v>
      </c>
      <c r="H63" s="6">
        <v>39276</v>
      </c>
      <c r="I63" s="7">
        <v>63</v>
      </c>
    </row>
    <row r="64" spans="1:9" ht="14.25">
      <c r="A64" s="2">
        <v>63</v>
      </c>
      <c r="B64" s="3" t="s">
        <v>10</v>
      </c>
      <c r="C64" s="3" t="s">
        <v>202</v>
      </c>
      <c r="D64" s="3" t="s">
        <v>203</v>
      </c>
      <c r="E64" s="5"/>
      <c r="F64" s="3"/>
      <c r="G64" s="3"/>
      <c r="H64" s="6">
        <v>39556</v>
      </c>
      <c r="I64" s="7">
        <v>66</v>
      </c>
    </row>
    <row r="65" spans="1:9" ht="14.25">
      <c r="A65" s="2">
        <v>64</v>
      </c>
      <c r="B65" s="3" t="s">
        <v>11</v>
      </c>
      <c r="C65" s="3" t="s">
        <v>91</v>
      </c>
      <c r="D65" s="3" t="s">
        <v>92</v>
      </c>
      <c r="E65" s="5"/>
      <c r="F65" s="3"/>
      <c r="G65" s="3"/>
      <c r="H65" s="6">
        <v>39798</v>
      </c>
      <c r="I65" s="7">
        <v>68</v>
      </c>
    </row>
    <row r="66" spans="1:9" ht="14.25">
      <c r="A66" s="2">
        <v>65</v>
      </c>
      <c r="B66" s="3" t="s">
        <v>11</v>
      </c>
      <c r="C66" s="3" t="s">
        <v>206</v>
      </c>
      <c r="D66" s="3" t="s">
        <v>207</v>
      </c>
      <c r="E66" s="5"/>
      <c r="F66" s="3" t="s">
        <v>208</v>
      </c>
      <c r="G66" s="3" t="s">
        <v>209</v>
      </c>
      <c r="H66" s="6">
        <v>40164</v>
      </c>
      <c r="I66" s="7">
        <v>70</v>
      </c>
    </row>
    <row r="67" spans="1:9" ht="14.25">
      <c r="A67" s="2">
        <v>66</v>
      </c>
      <c r="B67" s="3" t="s">
        <v>10</v>
      </c>
      <c r="C67" s="3" t="s">
        <v>157</v>
      </c>
      <c r="D67" s="3" t="s">
        <v>158</v>
      </c>
      <c r="E67" s="5"/>
      <c r="F67" s="3" t="s">
        <v>204</v>
      </c>
      <c r="G67" s="3" t="s">
        <v>205</v>
      </c>
      <c r="H67" s="6">
        <v>40269</v>
      </c>
      <c r="I67" s="7">
        <v>72</v>
      </c>
    </row>
    <row r="68" spans="1:9" ht="14.25">
      <c r="A68" s="2">
        <v>67</v>
      </c>
      <c r="B68" s="3" t="s">
        <v>10</v>
      </c>
      <c r="C68" s="3" t="s">
        <v>210</v>
      </c>
      <c r="D68" s="3" t="s">
        <v>176</v>
      </c>
      <c r="E68" s="5"/>
      <c r="F68" s="3" t="s">
        <v>211</v>
      </c>
      <c r="G68" s="3" t="s">
        <v>177</v>
      </c>
      <c r="H68" s="6">
        <v>40413</v>
      </c>
      <c r="I68" s="7">
        <v>73</v>
      </c>
    </row>
    <row r="69" spans="1:9" ht="14.25">
      <c r="A69" s="2">
        <v>68</v>
      </c>
      <c r="B69" s="3" t="s">
        <v>10</v>
      </c>
      <c r="C69" s="3" t="s">
        <v>212</v>
      </c>
      <c r="D69" s="3" t="s">
        <v>213</v>
      </c>
      <c r="E69" s="5"/>
      <c r="F69" s="3"/>
      <c r="G69" s="3"/>
      <c r="H69" s="6">
        <v>40593</v>
      </c>
      <c r="I69" s="7">
        <v>75</v>
      </c>
    </row>
    <row r="70" spans="1:9" ht="14.25">
      <c r="A70" s="2">
        <v>69</v>
      </c>
      <c r="B70" s="3" t="s">
        <v>10</v>
      </c>
      <c r="C70" s="3" t="s">
        <v>192</v>
      </c>
      <c r="D70" s="3" t="s">
        <v>193</v>
      </c>
      <c r="E70" s="5"/>
      <c r="F70" s="3" t="s">
        <v>181</v>
      </c>
      <c r="G70" s="3" t="s">
        <v>182</v>
      </c>
      <c r="H70" s="6">
        <v>40634</v>
      </c>
      <c r="I70" s="7">
        <v>76</v>
      </c>
    </row>
    <row r="71" spans="1:9" ht="14.25">
      <c r="A71" s="2">
        <v>70</v>
      </c>
      <c r="B71" s="3" t="s">
        <v>10</v>
      </c>
      <c r="C71" s="3" t="s">
        <v>214</v>
      </c>
      <c r="D71" s="3" t="s">
        <v>215</v>
      </c>
      <c r="E71" s="5"/>
      <c r="F71" s="3" t="s">
        <v>216</v>
      </c>
      <c r="G71" s="3" t="s">
        <v>217</v>
      </c>
      <c r="H71" s="6">
        <v>40725</v>
      </c>
      <c r="I71" s="7">
        <v>77</v>
      </c>
    </row>
    <row r="72" spans="1:9" ht="14.25">
      <c r="A72" s="2">
        <v>71</v>
      </c>
      <c r="B72" s="3" t="s">
        <v>11</v>
      </c>
      <c r="C72" s="3" t="s">
        <v>128</v>
      </c>
      <c r="D72" s="3" t="s">
        <v>129</v>
      </c>
      <c r="E72" s="5"/>
      <c r="F72" s="3" t="s">
        <v>254</v>
      </c>
      <c r="G72" s="3" t="s">
        <v>255</v>
      </c>
      <c r="H72" s="6">
        <v>40847</v>
      </c>
      <c r="I72" s="7">
        <v>78</v>
      </c>
    </row>
    <row r="73" spans="1:9" ht="14.25">
      <c r="A73" s="2">
        <v>72</v>
      </c>
      <c r="B73" s="3" t="s">
        <v>10</v>
      </c>
      <c r="C73" s="3" t="s">
        <v>218</v>
      </c>
      <c r="D73" s="3" t="s">
        <v>107</v>
      </c>
      <c r="E73" s="5"/>
      <c r="F73" s="3" t="s">
        <v>219</v>
      </c>
      <c r="G73" s="3" t="s">
        <v>220</v>
      </c>
      <c r="H73" s="6">
        <v>40955</v>
      </c>
      <c r="I73" s="7">
        <v>79</v>
      </c>
    </row>
    <row r="74" spans="1:9" ht="14.25">
      <c r="A74" s="2">
        <v>73</v>
      </c>
      <c r="B74" s="3" t="s">
        <v>11</v>
      </c>
      <c r="C74" s="3" t="s">
        <v>256</v>
      </c>
      <c r="D74" s="3" t="s">
        <v>97</v>
      </c>
      <c r="E74" s="5"/>
      <c r="F74" s="3"/>
      <c r="G74" s="3"/>
      <c r="H74" s="6">
        <v>43987</v>
      </c>
      <c r="I74" s="7">
        <v>102</v>
      </c>
    </row>
    <row r="75" spans="1:9" ht="14.25">
      <c r="A75" s="2">
        <v>74</v>
      </c>
      <c r="B75" s="3" t="s">
        <v>10</v>
      </c>
      <c r="C75" s="3" t="s">
        <v>278</v>
      </c>
      <c r="D75" s="3" t="s">
        <v>257</v>
      </c>
      <c r="E75" s="5"/>
      <c r="F75" s="3" t="s">
        <v>224</v>
      </c>
      <c r="G75" s="3" t="s">
        <v>225</v>
      </c>
      <c r="H75" s="6">
        <v>44232</v>
      </c>
      <c r="I75" s="7">
        <v>103</v>
      </c>
    </row>
    <row r="76" spans="1:9" ht="14.25">
      <c r="A76" s="2">
        <v>75</v>
      </c>
      <c r="B76" s="3" t="s">
        <v>10</v>
      </c>
      <c r="C76" s="3" t="s">
        <v>163</v>
      </c>
      <c r="D76" s="3" t="s">
        <v>164</v>
      </c>
      <c r="E76" s="5"/>
      <c r="F76" s="3" t="s">
        <v>221</v>
      </c>
      <c r="G76" s="3" t="s">
        <v>222</v>
      </c>
      <c r="H76" s="6">
        <v>41376</v>
      </c>
      <c r="I76" s="7">
        <v>82</v>
      </c>
    </row>
    <row r="77" spans="1:9" ht="14.25">
      <c r="A77" s="2">
        <v>76</v>
      </c>
      <c r="B77" s="3" t="s">
        <v>11</v>
      </c>
      <c r="C77" s="3" t="s">
        <v>226</v>
      </c>
      <c r="D77" s="3" t="s">
        <v>227</v>
      </c>
      <c r="E77" s="5"/>
      <c r="F77" s="3" t="s">
        <v>228</v>
      </c>
      <c r="G77" s="3" t="s">
        <v>229</v>
      </c>
      <c r="H77" s="6">
        <v>41990</v>
      </c>
      <c r="I77" s="7">
        <v>85</v>
      </c>
    </row>
    <row r="78" spans="1:9" ht="14.25">
      <c r="A78" s="2">
        <v>77</v>
      </c>
      <c r="B78" s="3" t="s">
        <v>10</v>
      </c>
      <c r="C78" s="3" t="s">
        <v>230</v>
      </c>
      <c r="D78" s="3" t="s">
        <v>231</v>
      </c>
      <c r="E78" s="5"/>
      <c r="F78" s="3" t="s">
        <v>224</v>
      </c>
      <c r="G78" s="3" t="s">
        <v>225</v>
      </c>
      <c r="H78" s="6">
        <v>42292</v>
      </c>
      <c r="I78" s="7">
        <v>86</v>
      </c>
    </row>
    <row r="79" spans="1:9" ht="14.25">
      <c r="A79" s="2">
        <v>78</v>
      </c>
      <c r="B79" s="3" t="s">
        <v>10</v>
      </c>
      <c r="C79" s="3" t="s">
        <v>258</v>
      </c>
      <c r="D79" s="3" t="s">
        <v>232</v>
      </c>
      <c r="E79" s="5"/>
      <c r="F79" s="3"/>
      <c r="G79" s="3"/>
      <c r="H79" s="6">
        <v>42354</v>
      </c>
      <c r="I79" s="7">
        <v>87</v>
      </c>
    </row>
    <row r="80" spans="1:9" ht="14.25">
      <c r="A80" s="2">
        <v>79</v>
      </c>
      <c r="B80" s="3" t="s">
        <v>10</v>
      </c>
      <c r="C80" s="3" t="s">
        <v>233</v>
      </c>
      <c r="D80" s="3" t="s">
        <v>234</v>
      </c>
      <c r="E80" s="5" t="s">
        <v>235</v>
      </c>
      <c r="F80" s="3" t="s">
        <v>169</v>
      </c>
      <c r="G80" s="3" t="s">
        <v>170</v>
      </c>
      <c r="H80" s="6">
        <v>42534</v>
      </c>
      <c r="I80" s="7">
        <v>88</v>
      </c>
    </row>
    <row r="81" spans="1:9" ht="14.25">
      <c r="A81" s="2">
        <v>80</v>
      </c>
      <c r="B81" s="3" t="s">
        <v>11</v>
      </c>
      <c r="C81" s="3" t="s">
        <v>67</v>
      </c>
      <c r="D81" s="3" t="s">
        <v>236</v>
      </c>
      <c r="E81" s="5"/>
      <c r="F81" s="3"/>
      <c r="G81" s="3"/>
      <c r="H81" s="6">
        <v>42746</v>
      </c>
      <c r="I81" s="7">
        <v>90</v>
      </c>
    </row>
    <row r="82" spans="1:9" ht="14.25">
      <c r="A82" s="2">
        <v>81</v>
      </c>
      <c r="B82" s="3" t="s">
        <v>10</v>
      </c>
      <c r="C82" s="3" t="s">
        <v>237</v>
      </c>
      <c r="D82" s="3" t="s">
        <v>238</v>
      </c>
      <c r="E82" s="5"/>
      <c r="F82" s="3" t="s">
        <v>239</v>
      </c>
      <c r="G82" s="3" t="s">
        <v>240</v>
      </c>
      <c r="H82" s="6">
        <v>42818</v>
      </c>
      <c r="I82" s="7">
        <v>91</v>
      </c>
    </row>
    <row r="83" spans="1:9" ht="14.25">
      <c r="A83" s="2">
        <v>82</v>
      </c>
      <c r="B83" s="3" t="s">
        <v>10</v>
      </c>
      <c r="C83" s="3" t="s">
        <v>241</v>
      </c>
      <c r="D83" s="3" t="s">
        <v>242</v>
      </c>
      <c r="E83" s="5"/>
      <c r="F83" s="3" t="s">
        <v>272</v>
      </c>
      <c r="G83" s="3" t="s">
        <v>243</v>
      </c>
      <c r="H83" s="6">
        <v>43019</v>
      </c>
      <c r="I83" s="7">
        <v>94</v>
      </c>
    </row>
    <row r="84" spans="1:9" ht="14.25">
      <c r="A84" s="2">
        <v>83</v>
      </c>
      <c r="B84" s="3" t="s">
        <v>10</v>
      </c>
      <c r="C84" s="3" t="s">
        <v>280</v>
      </c>
      <c r="D84" s="3" t="s">
        <v>7</v>
      </c>
      <c r="E84" s="5"/>
      <c r="F84" s="3"/>
      <c r="G84" s="3"/>
      <c r="H84" s="6">
        <v>43061</v>
      </c>
      <c r="I84" s="7">
        <v>95</v>
      </c>
    </row>
    <row r="85" spans="1:9" ht="14.25">
      <c r="A85" s="2">
        <v>84</v>
      </c>
      <c r="B85" s="3" t="s">
        <v>10</v>
      </c>
      <c r="C85" s="8" t="s">
        <v>244</v>
      </c>
      <c r="D85" s="8" t="s">
        <v>245</v>
      </c>
      <c r="E85" s="7"/>
      <c r="F85" s="8" t="s">
        <v>246</v>
      </c>
      <c r="G85" s="8" t="s">
        <v>281</v>
      </c>
      <c r="H85" s="9">
        <v>43435</v>
      </c>
      <c r="I85" s="7">
        <v>96</v>
      </c>
    </row>
    <row r="86" spans="1:9" ht="14.25">
      <c r="A86" s="2">
        <v>85</v>
      </c>
      <c r="B86" s="3" t="s">
        <v>11</v>
      </c>
      <c r="C86" s="3" t="s">
        <v>247</v>
      </c>
      <c r="D86" s="3" t="s">
        <v>248</v>
      </c>
      <c r="E86" s="5"/>
      <c r="F86" s="3" t="s">
        <v>249</v>
      </c>
      <c r="G86" s="3" t="s">
        <v>250</v>
      </c>
      <c r="H86" s="6">
        <v>43578</v>
      </c>
      <c r="I86" s="7">
        <v>97</v>
      </c>
    </row>
    <row r="87" spans="1:9" ht="14.25">
      <c r="A87" s="2">
        <v>86</v>
      </c>
      <c r="B87" s="5" t="s">
        <v>10</v>
      </c>
      <c r="C87" s="5" t="s">
        <v>251</v>
      </c>
      <c r="D87" s="5" t="s">
        <v>252</v>
      </c>
      <c r="E87" s="5"/>
      <c r="F87" s="5"/>
      <c r="G87" s="5"/>
      <c r="H87" s="9">
        <v>43659</v>
      </c>
      <c r="I87" s="5">
        <v>98</v>
      </c>
    </row>
    <row r="88" spans="1:9" ht="14.25">
      <c r="A88" s="2">
        <v>87</v>
      </c>
      <c r="B88" s="5" t="s">
        <v>11</v>
      </c>
      <c r="C88" s="5" t="s">
        <v>95</v>
      </c>
      <c r="D88" s="5" t="s">
        <v>96</v>
      </c>
      <c r="E88" s="5"/>
      <c r="F88" s="5"/>
      <c r="G88" s="5"/>
      <c r="H88" s="9">
        <v>43735</v>
      </c>
      <c r="I88" s="5">
        <v>99</v>
      </c>
    </row>
    <row r="89" spans="1:9" ht="14.25">
      <c r="A89" s="2">
        <v>88</v>
      </c>
      <c r="B89" s="3" t="s">
        <v>10</v>
      </c>
      <c r="C89" s="3" t="s">
        <v>259</v>
      </c>
      <c r="D89" s="3" t="s">
        <v>43</v>
      </c>
      <c r="E89" s="5"/>
      <c r="F89" s="3" t="s">
        <v>260</v>
      </c>
      <c r="G89" s="3" t="s">
        <v>261</v>
      </c>
      <c r="H89" s="6">
        <v>43891</v>
      </c>
      <c r="I89" s="7">
        <v>100</v>
      </c>
    </row>
    <row r="90" spans="1:9" ht="14.25">
      <c r="A90" s="2">
        <v>89</v>
      </c>
      <c r="B90" s="3" t="s">
        <v>262</v>
      </c>
      <c r="C90" s="3" t="s">
        <v>263</v>
      </c>
      <c r="D90" s="3" t="s">
        <v>264</v>
      </c>
      <c r="E90" s="5"/>
      <c r="F90" s="3"/>
      <c r="G90" s="3"/>
      <c r="H90" s="9">
        <v>44340</v>
      </c>
      <c r="I90" s="7">
        <v>104</v>
      </c>
    </row>
    <row r="91" spans="1:9" ht="14.25">
      <c r="A91" s="2">
        <v>90</v>
      </c>
      <c r="B91" s="3" t="s">
        <v>11</v>
      </c>
      <c r="C91" s="3" t="s">
        <v>65</v>
      </c>
      <c r="D91" s="3" t="s">
        <v>66</v>
      </c>
      <c r="E91" s="5"/>
      <c r="F91" s="3"/>
      <c r="G91" s="3"/>
      <c r="H91" s="6">
        <v>44426</v>
      </c>
      <c r="I91" s="7">
        <v>105</v>
      </c>
    </row>
    <row r="92" spans="1:9" ht="14.25">
      <c r="A92" s="2">
        <v>91</v>
      </c>
      <c r="B92" s="3" t="s">
        <v>265</v>
      </c>
      <c r="C92" s="3" t="s">
        <v>267</v>
      </c>
      <c r="D92" s="3" t="s">
        <v>266</v>
      </c>
      <c r="E92" s="5"/>
      <c r="F92" s="3"/>
      <c r="G92" s="3"/>
      <c r="H92" s="9">
        <v>44456</v>
      </c>
      <c r="I92" s="7">
        <v>106</v>
      </c>
    </row>
    <row r="93" spans="1:9" ht="14.25">
      <c r="A93" s="2">
        <v>92</v>
      </c>
      <c r="B93" s="3" t="s">
        <v>11</v>
      </c>
      <c r="C93" s="3" t="s">
        <v>189</v>
      </c>
      <c r="D93" s="3" t="s">
        <v>171</v>
      </c>
      <c r="E93" s="2"/>
      <c r="F93" s="3" t="s">
        <v>269</v>
      </c>
      <c r="G93" s="3" t="s">
        <v>270</v>
      </c>
      <c r="H93" s="6">
        <v>44517</v>
      </c>
      <c r="I93" s="7">
        <v>107</v>
      </c>
    </row>
    <row r="94" spans="1:9" ht="14.25">
      <c r="A94" s="2">
        <v>93</v>
      </c>
      <c r="B94" s="3" t="s">
        <v>10</v>
      </c>
      <c r="C94" s="3" t="s">
        <v>271</v>
      </c>
      <c r="D94" s="3" t="s">
        <v>223</v>
      </c>
      <c r="E94" s="5"/>
      <c r="F94" s="3"/>
      <c r="G94" s="3"/>
      <c r="H94" s="6">
        <v>44588</v>
      </c>
      <c r="I94" s="7">
        <v>108</v>
      </c>
    </row>
    <row r="95" spans="1:9" ht="14.25">
      <c r="A95" s="2">
        <v>94</v>
      </c>
      <c r="B95" s="3" t="s">
        <v>11</v>
      </c>
      <c r="C95" s="3" t="s">
        <v>93</v>
      </c>
      <c r="D95" s="3" t="s">
        <v>94</v>
      </c>
      <c r="E95" s="5"/>
      <c r="F95" s="3"/>
      <c r="G95" s="3"/>
      <c r="H95" s="6">
        <v>44628</v>
      </c>
      <c r="I95" s="7">
        <v>109</v>
      </c>
    </row>
    <row r="96" spans="1:9" ht="14.25">
      <c r="A96" s="2">
        <v>95</v>
      </c>
      <c r="B96" s="3" t="s">
        <v>277</v>
      </c>
      <c r="C96" s="3" t="s">
        <v>273</v>
      </c>
      <c r="D96" s="3" t="s">
        <v>274</v>
      </c>
      <c r="E96" s="5"/>
      <c r="F96" s="3" t="s">
        <v>275</v>
      </c>
      <c r="G96" s="3" t="s">
        <v>276</v>
      </c>
      <c r="H96" s="9">
        <v>44872</v>
      </c>
      <c r="I96" s="10">
        <v>111</v>
      </c>
    </row>
    <row r="97" spans="1:9" ht="14.25">
      <c r="A97" s="2">
        <v>96</v>
      </c>
      <c r="B97" s="3" t="s">
        <v>286</v>
      </c>
      <c r="C97" s="3" t="s">
        <v>282</v>
      </c>
      <c r="D97" s="3" t="s">
        <v>283</v>
      </c>
      <c r="E97" s="5"/>
      <c r="F97" s="3" t="s">
        <v>284</v>
      </c>
      <c r="G97" s="3" t="s">
        <v>285</v>
      </c>
      <c r="H97" s="9">
        <v>45108</v>
      </c>
      <c r="I97" s="7">
        <v>112</v>
      </c>
    </row>
    <row r="98" spans="1:9" ht="14.25">
      <c r="A98" s="2">
        <v>97</v>
      </c>
      <c r="B98" s="3" t="s">
        <v>262</v>
      </c>
      <c r="C98" s="3" t="s">
        <v>287</v>
      </c>
      <c r="D98" s="3" t="s">
        <v>288</v>
      </c>
      <c r="E98" s="5"/>
      <c r="F98" s="3"/>
      <c r="G98" s="3"/>
      <c r="H98" s="9">
        <v>45209</v>
      </c>
      <c r="I98" s="11">
        <v>113</v>
      </c>
    </row>
    <row r="99" spans="1:9" ht="14.25">
      <c r="A99" s="2">
        <v>98</v>
      </c>
      <c r="B99" s="3" t="s">
        <v>286</v>
      </c>
      <c r="C99" s="3" t="s">
        <v>289</v>
      </c>
      <c r="D99" s="3" t="s">
        <v>290</v>
      </c>
      <c r="E99" s="5"/>
      <c r="F99" s="3" t="s">
        <v>291</v>
      </c>
      <c r="G99" s="3" t="s">
        <v>292</v>
      </c>
      <c r="H99" s="9">
        <v>45343</v>
      </c>
      <c r="I99" s="12" t="s">
        <v>293</v>
      </c>
    </row>
  </sheetData>
  <mergeCells count="1">
    <mergeCell ref="D1:E1"/>
  </mergeCells>
  <phoneticPr fontId="1"/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衆浴場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戸田　賀子</cp:lastModifiedBy>
  <cp:lastPrinted>2024-03-04T06:44:39Z</cp:lastPrinted>
  <dcterms:created xsi:type="dcterms:W3CDTF">2020-01-30T23:56:00Z</dcterms:created>
  <dcterms:modified xsi:type="dcterms:W3CDTF">2024-03-04T07:35:57Z</dcterms:modified>
</cp:coreProperties>
</file>